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sélectionnée. Il faut noter que l'ordre des options de catégorie dans la colonne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